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260" r:id="rId3"/>
    <p:sldId id="261" r:id="rId4"/>
    <p:sldId id="268" r:id="rId5"/>
    <p:sldId id="262" r:id="rId6"/>
    <p:sldId id="265" r:id="rId7"/>
    <p:sldId id="266" r:id="rId8"/>
    <p:sldId id="269" r:id="rId9"/>
    <p:sldId id="273" r:id="rId10"/>
    <p:sldId id="263" r:id="rId11"/>
    <p:sldId id="267" r:id="rId12"/>
    <p:sldId id="271" r:id="rId13"/>
    <p:sldId id="272" r:id="rId14"/>
    <p:sldId id="259" r:id="rId1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797" autoAdjust="0"/>
  </p:normalViewPr>
  <p:slideViewPr>
    <p:cSldViewPr snapToGrid="0" showGuides="1">
      <p:cViewPr varScale="1">
        <p:scale>
          <a:sx n="88" d="100"/>
          <a:sy n="88" d="100"/>
        </p:scale>
        <p:origin x="494" y="6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3/04/2020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3/04/2020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3533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669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FD5AE3B-F96A-4971-88AA-E3342363B4BD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2143AC-41B5-4E84-8870-A146AB5F32EF}" type="datetime2">
              <a:rPr lang="da-DK" noProof="0" smtClean="0"/>
              <a:t>23. april 2020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DEBFBC-3EA9-44C1-B812-425A86C4EEE2}" type="datetime2">
              <a:rPr lang="da-DK" noProof="0" smtClean="0"/>
              <a:t>23. april 2020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F4479B-0355-4C94-B49B-FA0F61B2E61F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0AE9A50-9B1B-4B99-B37D-C831A2F18C3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6A9D7866-1FDA-4F89-92F1-878E31CEA7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96B4CC-ED91-4188-915A-B03A40A4FC6D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6BC8EB62-94E0-4B88-9310-AE0A3E25649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CBBA05-F03B-4771-AE42-83F7A151213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10B3704-A025-4245-B180-68D9D51542B6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D5FE07-220B-4D1C-8BB9-7BA067CFE954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D087ED-E398-40B7-B4B0-9333A9D503E4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1D0830-2C72-4264-A829-6A06796980D4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E3C328-CDB0-47FE-9B97-698504617AD5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6FDACE4-702C-4D35-B003-DE3DFD133E76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68BB7134-2919-4382-92CA-D9C0A510422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818D3C-F1CD-4B06-B43C-499D3954A026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47272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C311EF4-326B-4454-A632-2B882B64DAF8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3BDE8350-EECC-41FB-B1DE-99531AC459F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DA47DBE-5E1B-4A0E-A5D7-FD0A9F96B4B9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ED32680B-F3FB-49DB-96A2-CB46341C5070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D29C85A-9AB6-4E0C-9D73-FA8E2C7093E2}" type="datetime2">
              <a:rPr lang="da-DK" smtClean="0"/>
              <a:t>23. april 202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FECC506D-1CDC-4383-9906-AE73BF191FB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75E73A-74E9-49F8-88DB-CF32BA60E985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0E20D7D-B2EA-46D4-B278-50A3C0413560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8DF4A2EE-9AF3-411C-B78C-5A1C5229E67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EF66C01-1F6D-4BC5-B578-24F35FBBD2C1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4D6FE7CF-D751-4088-9E86-16AAD29BD39F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C84C15A5-426F-46F2-8534-459880AD6ACA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F4D82CF5-59D9-4856-8A5E-FBFAAFBD31C9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1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uvm.dk/gymnasiale-uddannelser/love-og-regler/vejledning-lovgrundlag" TargetMode="Externa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smtClean="0"/>
              <a:t>FIP kursus Dansk Htx 2020</a:t>
            </a:r>
            <a:br>
              <a:rPr lang="da-DK" dirty="0" smtClean="0"/>
            </a:br>
            <a:r>
              <a:rPr lang="da-DK" sz="1200" dirty="0" smtClean="0"/>
              <a:t>IBC Fredericia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0D8EE2-8D59-4AEA-8B9A-24B0177BFCF3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ad arbejdes der med aktuel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Anonymisering af elevbesvarelser ved skriftlige prøver</a:t>
            </a:r>
          </a:p>
          <a:p>
            <a:pPr lvl="1"/>
            <a:r>
              <a:rPr lang="da-DK" dirty="0" smtClean="0"/>
              <a:t>Mulighed for at sortere i forhold til, hvilken opgave </a:t>
            </a:r>
            <a:r>
              <a:rPr lang="da-DK" smtClean="0"/>
              <a:t>eleverne besvarer.</a:t>
            </a:r>
            <a:endParaRPr lang="da-DK" dirty="0" smtClean="0"/>
          </a:p>
          <a:p>
            <a:endParaRPr lang="da-DK" dirty="0" smtClean="0"/>
          </a:p>
          <a:p>
            <a:r>
              <a:rPr lang="da-DK" dirty="0" smtClean="0"/>
              <a:t>SOP spørgsmål</a:t>
            </a:r>
          </a:p>
          <a:p>
            <a:endParaRPr lang="da-DK" dirty="0" smtClean="0"/>
          </a:p>
          <a:p>
            <a:r>
              <a:rPr lang="da-DK" dirty="0" smtClean="0"/>
              <a:t>Justering af vejledninger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810489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Årets tema - innovatio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Resultat af Gymnasiereformen, der trådte i kraft august </a:t>
            </a:r>
            <a:r>
              <a:rPr lang="da-DK" dirty="0" smtClean="0"/>
              <a:t>2017.</a:t>
            </a:r>
          </a:p>
          <a:p>
            <a:endParaRPr lang="da-DK" dirty="0"/>
          </a:p>
          <a:p>
            <a:r>
              <a:rPr lang="da-DK" dirty="0"/>
              <a:t>I lighed med globalisering, karrierelæring og </a:t>
            </a:r>
            <a:r>
              <a:rPr lang="da-DK" dirty="0" smtClean="0"/>
              <a:t>digitalisering, er innovation </a:t>
            </a:r>
            <a:r>
              <a:rPr lang="da-DK" dirty="0"/>
              <a:t>skrevet ind i læreplanerne på tværs af alle </a:t>
            </a:r>
            <a:r>
              <a:rPr lang="da-DK" dirty="0" smtClean="0"/>
              <a:t>fag.</a:t>
            </a:r>
          </a:p>
          <a:p>
            <a:endParaRPr lang="da-DK" dirty="0"/>
          </a:p>
          <a:p>
            <a:r>
              <a:rPr lang="da-DK" dirty="0"/>
              <a:t>Fip kurserne i år (</a:t>
            </a:r>
            <a:r>
              <a:rPr lang="da-DK" dirty="0" smtClean="0"/>
              <a:t>2020) </a:t>
            </a:r>
            <a:r>
              <a:rPr lang="da-DK" dirty="0"/>
              <a:t>tematiserer </a:t>
            </a:r>
            <a:r>
              <a:rPr lang="da-DK" dirty="0" smtClean="0"/>
              <a:t>de innovative kompetencer.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8024623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ejledning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u="sng" dirty="0">
                <a:hlinkClick r:id="rId2"/>
              </a:rPr>
              <a:t>https://www.uvm.dk/gymnasiale-uddannelser/love-og-regler/vejledning-lovgrundlag</a:t>
            </a:r>
            <a:endParaRPr lang="da-DK" dirty="0"/>
          </a:p>
          <a:p>
            <a:endParaRPr lang="da-DK" dirty="0" smtClean="0"/>
          </a:p>
          <a:p>
            <a:r>
              <a:rPr lang="da-DK" dirty="0"/>
              <a:t>Vejledningen fra august 2018 er vejledende for alle de gymnasiale fag. Den er som alle vejledninger ikke bindende, men vejledende og kan justeres uden politisk beslutning.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930710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Læreplan og vejledn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I vores læreplan:</a:t>
            </a:r>
          </a:p>
          <a:p>
            <a:endParaRPr lang="da-DK" dirty="0"/>
          </a:p>
          <a:p>
            <a:endParaRPr lang="da-DK" dirty="0"/>
          </a:p>
          <a:p>
            <a:endParaRPr lang="da-DK" dirty="0" smtClean="0"/>
          </a:p>
          <a:p>
            <a:r>
              <a:rPr lang="da-DK" dirty="0" smtClean="0"/>
              <a:t>I vejledningen om elevernes innovative kompetencer, som går på tværs af alle læreplaner: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748" y="4469449"/>
            <a:ext cx="7962764" cy="1039525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748" y="2407763"/>
            <a:ext cx="8657817" cy="5217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36906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644D7354-50E1-45E7-BE22-D6E7CC8057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Content Placeholder 11">
            <a:extLst>
              <a:ext uri="{FF2B5EF4-FFF2-40B4-BE49-F238E27FC236}">
                <a16:creationId xmlns:a16="http://schemas.microsoft.com/office/drawing/2014/main" id="{71CD8E94-4428-4049-A865-705DF1A53BD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F38EBB-DDC7-48BA-8239-A2992E3D7F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980970-D872-4C97-AC78-8BC084122AA1}" type="datetime2">
              <a:rPr lang="da-DK" noProof="0" smtClean="0"/>
              <a:t>23. april 2020</a:t>
            </a:fld>
            <a:endParaRPr lang="da-DK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7319620-CE04-418C-AEF3-53A1F34B9B40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47856A6C-370F-48C7-BAF8-5308F9BAB6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0079CB1C-69FE-4B9A-A6CC-192750A6F3B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elkomst og gennemgang af program</a:t>
            </a:r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29C85A-9AB6-4E0C-9D73-FA8E2C7093E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6" name="Pladsholder til indhold 5"/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2842666" y="1007195"/>
            <a:ext cx="4167734" cy="50523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7726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ogram fortsat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2538164" y="1007195"/>
            <a:ext cx="4724938" cy="49233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39229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IP koncepte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Fag – FIP</a:t>
            </a:r>
          </a:p>
          <a:p>
            <a:r>
              <a:rPr lang="da-DK" dirty="0"/>
              <a:t>Leder – </a:t>
            </a:r>
            <a:r>
              <a:rPr lang="da-DK" dirty="0" smtClean="0"/>
              <a:t>FIP</a:t>
            </a:r>
          </a:p>
          <a:p>
            <a:r>
              <a:rPr lang="da-DK" dirty="0" smtClean="0"/>
              <a:t>SO-FIP</a:t>
            </a:r>
          </a:p>
          <a:p>
            <a:endParaRPr lang="da-DK" dirty="0"/>
          </a:p>
          <a:p>
            <a:r>
              <a:rPr lang="da-DK" dirty="0"/>
              <a:t>Skoleåret </a:t>
            </a:r>
            <a:r>
              <a:rPr lang="da-DK" dirty="0" smtClean="0"/>
              <a:t>2019-2020 </a:t>
            </a:r>
            <a:r>
              <a:rPr lang="da-DK" dirty="0"/>
              <a:t>indtil nu ca. 5000 </a:t>
            </a:r>
            <a:r>
              <a:rPr lang="da-DK" dirty="0" smtClean="0"/>
              <a:t>deltagere.</a:t>
            </a:r>
            <a:endParaRPr lang="da-DK" dirty="0"/>
          </a:p>
          <a:p>
            <a:endParaRPr lang="da-DK" dirty="0"/>
          </a:p>
          <a:p>
            <a:r>
              <a:rPr lang="da-DK" dirty="0" smtClean="0"/>
              <a:t>Mulig </a:t>
            </a:r>
            <a:r>
              <a:rPr lang="da-DK" dirty="0"/>
              <a:t>for fagligt indspark, inspiration og </a:t>
            </a:r>
            <a:r>
              <a:rPr lang="da-DK" dirty="0" smtClean="0"/>
              <a:t>sparring.</a:t>
            </a:r>
            <a:endParaRPr lang="da-DK" dirty="0"/>
          </a:p>
          <a:p>
            <a:endParaRPr lang="da-DK" dirty="0"/>
          </a:p>
          <a:p>
            <a:r>
              <a:rPr lang="da-DK" dirty="0"/>
              <a:t>10-16 konceptet; falder i to </a:t>
            </a:r>
            <a:r>
              <a:rPr lang="da-DK" dirty="0" smtClean="0"/>
              <a:t>dele.</a:t>
            </a:r>
            <a:endParaRPr lang="da-DK" dirty="0"/>
          </a:p>
          <a:p>
            <a:r>
              <a:rPr lang="da-DK" dirty="0" smtClean="0"/>
              <a:t> 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412841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ort status over faget 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1550926"/>
            <a:ext cx="8332789" cy="4518000"/>
          </a:xfrm>
        </p:spPr>
        <p:txBody>
          <a:bodyPr/>
          <a:lstStyle/>
          <a:p>
            <a:r>
              <a:rPr lang="da-DK" dirty="0" smtClean="0"/>
              <a:t>Sidste år i første gennemløb af reformen</a:t>
            </a:r>
          </a:p>
          <a:p>
            <a:pPr lvl="1"/>
            <a:r>
              <a:rPr lang="da-DK" dirty="0" smtClean="0"/>
              <a:t>Opmærksomhedspunkter</a:t>
            </a:r>
          </a:p>
          <a:p>
            <a:pPr lvl="2"/>
            <a:r>
              <a:rPr lang="da-DK" dirty="0" smtClean="0"/>
              <a:t>Dansk-idéhistorieopgaven </a:t>
            </a:r>
            <a:endParaRPr lang="da-DK" dirty="0"/>
          </a:p>
          <a:p>
            <a:pPr lvl="2"/>
            <a:r>
              <a:rPr lang="da-DK" dirty="0" smtClean="0"/>
              <a:t>Studieområdet og SOP</a:t>
            </a:r>
          </a:p>
          <a:p>
            <a:pPr lvl="2"/>
            <a:r>
              <a:rPr lang="da-DK" dirty="0" smtClean="0"/>
              <a:t>Skriftlighed</a:t>
            </a:r>
          </a:p>
          <a:p>
            <a:endParaRPr lang="da-DK" dirty="0"/>
          </a:p>
          <a:p>
            <a:r>
              <a:rPr lang="da-DK" dirty="0" smtClean="0"/>
              <a:t>Justering </a:t>
            </a:r>
            <a:r>
              <a:rPr lang="da-DK" dirty="0"/>
              <a:t>af vejledningerne primo </a:t>
            </a:r>
            <a:r>
              <a:rPr lang="da-DK" dirty="0" smtClean="0"/>
              <a:t>marts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53588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ansk-idéhistorieopgave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Generelt er den blevet godt modtaget og anvendes oftest som en god øvelse i de studiekompetencer, der også karakteriserer arbejdet i SOP.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3355731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tudieområdet og SOP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b="1" dirty="0" smtClean="0"/>
              <a:t>Studieområdet</a:t>
            </a:r>
            <a:r>
              <a:rPr lang="da-DK" dirty="0" smtClean="0"/>
              <a:t> som generelt tiltag opleves i en vis udstrækning som værende meget styrende for skemaer og dermed undervisningsplanlægningen og muligheden for at få ”flow” i undervisningen.</a:t>
            </a:r>
          </a:p>
          <a:p>
            <a:r>
              <a:rPr lang="da-DK" b="1" dirty="0" smtClean="0"/>
              <a:t>SOP</a:t>
            </a:r>
          </a:p>
          <a:p>
            <a:r>
              <a:rPr lang="da-DK" dirty="0" smtClean="0"/>
              <a:t>Med en enkelt undtagelse afvikler Htx skolerne SOP i vinterterminen.</a:t>
            </a:r>
          </a:p>
          <a:p>
            <a:r>
              <a:rPr lang="da-DK" dirty="0" smtClean="0"/>
              <a:t>Alle fag kan blive aktuelle og alle lærere censorer</a:t>
            </a:r>
          </a:p>
          <a:p>
            <a:r>
              <a:rPr lang="da-DK" dirty="0" smtClean="0"/>
              <a:t>Mange af spørgsmålene er identiske med spørgsmålene omkring SRP. Specielt spørgsmålet om engelske tekster.</a:t>
            </a:r>
          </a:p>
          <a:p>
            <a:r>
              <a:rPr lang="da-DK" dirty="0" smtClean="0"/>
              <a:t>På </a:t>
            </a:r>
            <a:r>
              <a:rPr lang="da-DK" dirty="0" err="1" smtClean="0"/>
              <a:t>Emu´en</a:t>
            </a:r>
            <a:r>
              <a:rPr lang="da-DK" dirty="0" smtClean="0"/>
              <a:t> under Htx – studieområdet er der nu en FAQ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0708407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OP-FAQ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Pladsholder til indhold 8"/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539747" y="1147082"/>
            <a:ext cx="7978571" cy="4739912"/>
          </a:xfrm>
          <a:prstGeom prst="rect">
            <a:avLst/>
          </a:prstGeom>
        </p:spPr>
      </p:pic>
      <p:cxnSp>
        <p:nvCxnSpPr>
          <p:cNvPr id="11" name="Lige pilforbindelse 10"/>
          <p:cNvCxnSpPr/>
          <p:nvPr/>
        </p:nvCxnSpPr>
        <p:spPr>
          <a:xfrm flipH="1">
            <a:off x="6252754" y="4519749"/>
            <a:ext cx="1593669" cy="731520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8694590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AQ - fortsa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Mange af de spørgsmål, der løbende er kommet ind, kan der findes svar på her.</a:t>
            </a:r>
          </a:p>
          <a:p>
            <a:r>
              <a:rPr lang="da-DK" dirty="0" smtClean="0"/>
              <a:t>Opdateres løbende.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4D7E3F-5350-4061-9310-079743EF8A82}" type="datetime2">
              <a:rPr lang="da-DK" smtClean="0"/>
              <a:t>23. april 2020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50198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456552316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45655231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65</Words>
  <Application>Microsoft Office PowerPoint</Application>
  <PresentationFormat>Widescreen</PresentationFormat>
  <Paragraphs>88</Paragraphs>
  <Slides>14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4</vt:i4>
      </vt:variant>
    </vt:vector>
  </HeadingPairs>
  <TitlesOfParts>
    <vt:vector size="18" baseType="lpstr">
      <vt:lpstr>Arial</vt:lpstr>
      <vt:lpstr>Georgia</vt:lpstr>
      <vt:lpstr>Verdana</vt:lpstr>
      <vt:lpstr>UVM</vt:lpstr>
      <vt:lpstr>FIP kursus Dansk Htx 2020 IBC Fredericia</vt:lpstr>
      <vt:lpstr>Velkomst og gennemgang af program</vt:lpstr>
      <vt:lpstr>Program fortsat</vt:lpstr>
      <vt:lpstr>FIP konceptet</vt:lpstr>
      <vt:lpstr>Kort status over faget </vt:lpstr>
      <vt:lpstr>Dansk-idéhistorieopgaven</vt:lpstr>
      <vt:lpstr>Studieområdet og SOP</vt:lpstr>
      <vt:lpstr>SOP-FAQ</vt:lpstr>
      <vt:lpstr>FAQ - fortsat</vt:lpstr>
      <vt:lpstr>Hvad arbejdes der med aktuelt</vt:lpstr>
      <vt:lpstr>Årets tema - innovation</vt:lpstr>
      <vt:lpstr>Vejledningen</vt:lpstr>
      <vt:lpstr>Læreplan og vejledning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0-04-23T20:06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97972210</vt:lpwstr>
  </property>
  <property fmtid="{D5CDD505-2E9C-101B-9397-08002B2CF9AE}" pid="6" name="UserProfileId">
    <vt:lpwstr>637090757494954856</vt:lpwstr>
  </property>
</Properties>
</file>